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2\HP2312\"/>
    </mc:Choice>
  </mc:AlternateContent>
  <xr:revisionPtr revIDLastSave="0" documentId="8_{2EA61769-DEE6-4D8F-B2BF-1C4379EE4430}" xr6:coauthVersionLast="47" xr6:coauthVersionMax="47" xr10:uidLastSave="{00000000-0000-0000-0000-000000000000}"/>
  <bookViews>
    <workbookView xWindow="-108" yWindow="-108" windowWidth="23256" windowHeight="12576" xr2:uid="{620D23FC-4C0D-4F5E-A8DD-CF3FB774C3C2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1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918AC202-40AF-41FD-8B9F-47CCC31F917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D92157-F1C4-4F9D-A700-04F0F947D2E3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1</v>
      </c>
      <c r="D5" s="18">
        <v>1229</v>
      </c>
      <c r="E5" s="18">
        <v>2310</v>
      </c>
      <c r="F5" s="19">
        <v>1252</v>
      </c>
      <c r="G5" s="20">
        <v>1086</v>
      </c>
      <c r="H5" s="21">
        <v>1230</v>
      </c>
      <c r="I5" s="21">
        <v>2316</v>
      </c>
      <c r="J5" s="22">
        <v>1256</v>
      </c>
      <c r="K5" s="23">
        <v>5</v>
      </c>
      <c r="L5" s="24">
        <v>1</v>
      </c>
      <c r="M5" s="24">
        <v>6</v>
      </c>
      <c r="N5" s="25">
        <v>4</v>
      </c>
    </row>
    <row r="6" spans="1:14" ht="23.1" customHeight="1" x14ac:dyDescent="0.2">
      <c r="A6" s="26">
        <v>2</v>
      </c>
      <c r="B6" s="27" t="s">
        <v>11</v>
      </c>
      <c r="C6" s="28">
        <v>2237</v>
      </c>
      <c r="D6" s="29">
        <v>2380</v>
      </c>
      <c r="E6" s="29">
        <v>4617</v>
      </c>
      <c r="F6" s="30">
        <v>2331</v>
      </c>
      <c r="G6" s="31">
        <v>2309</v>
      </c>
      <c r="H6" s="32">
        <v>2437</v>
      </c>
      <c r="I6" s="32">
        <v>4746</v>
      </c>
      <c r="J6" s="33">
        <v>2385</v>
      </c>
      <c r="K6" s="34">
        <v>72</v>
      </c>
      <c r="L6" s="35">
        <v>57</v>
      </c>
      <c r="M6" s="35">
        <v>129</v>
      </c>
      <c r="N6" s="36">
        <v>54</v>
      </c>
    </row>
    <row r="7" spans="1:14" ht="23.1" customHeight="1" x14ac:dyDescent="0.2">
      <c r="A7" s="26">
        <v>3</v>
      </c>
      <c r="B7" s="27" t="s">
        <v>12</v>
      </c>
      <c r="C7" s="28">
        <v>1266</v>
      </c>
      <c r="D7" s="29">
        <v>1430</v>
      </c>
      <c r="E7" s="29">
        <v>2696</v>
      </c>
      <c r="F7" s="30">
        <v>1327</v>
      </c>
      <c r="G7" s="31">
        <v>1265</v>
      </c>
      <c r="H7" s="32">
        <v>1426</v>
      </c>
      <c r="I7" s="32">
        <v>2691</v>
      </c>
      <c r="J7" s="33">
        <v>1323</v>
      </c>
      <c r="K7" s="34">
        <v>-1</v>
      </c>
      <c r="L7" s="35">
        <v>-4</v>
      </c>
      <c r="M7" s="35">
        <v>-5</v>
      </c>
      <c r="N7" s="36">
        <v>-4</v>
      </c>
    </row>
    <row r="8" spans="1:14" ht="23.1" customHeight="1" x14ac:dyDescent="0.2">
      <c r="A8" s="26">
        <v>4</v>
      </c>
      <c r="B8" s="27" t="s">
        <v>13</v>
      </c>
      <c r="C8" s="28">
        <v>823</v>
      </c>
      <c r="D8" s="29">
        <v>937</v>
      </c>
      <c r="E8" s="29">
        <v>1760</v>
      </c>
      <c r="F8" s="30">
        <v>987</v>
      </c>
      <c r="G8" s="31">
        <v>822</v>
      </c>
      <c r="H8" s="32">
        <v>932</v>
      </c>
      <c r="I8" s="32">
        <v>1754</v>
      </c>
      <c r="J8" s="33">
        <v>986</v>
      </c>
      <c r="K8" s="34">
        <v>-1</v>
      </c>
      <c r="L8" s="35">
        <v>-5</v>
      </c>
      <c r="M8" s="35">
        <v>-6</v>
      </c>
      <c r="N8" s="36">
        <v>-1</v>
      </c>
    </row>
    <row r="9" spans="1:14" ht="23.1" customHeight="1" x14ac:dyDescent="0.2">
      <c r="A9" s="26">
        <v>5</v>
      </c>
      <c r="B9" s="27" t="s">
        <v>14</v>
      </c>
      <c r="C9" s="28">
        <v>1595</v>
      </c>
      <c r="D9" s="29">
        <v>1870</v>
      </c>
      <c r="E9" s="29">
        <v>3465</v>
      </c>
      <c r="F9" s="30">
        <v>1857</v>
      </c>
      <c r="G9" s="31">
        <v>1595</v>
      </c>
      <c r="H9" s="32">
        <v>1874</v>
      </c>
      <c r="I9" s="32">
        <v>3469</v>
      </c>
      <c r="J9" s="33">
        <v>1861</v>
      </c>
      <c r="K9" s="34">
        <v>0</v>
      </c>
      <c r="L9" s="35">
        <v>4</v>
      </c>
      <c r="M9" s="35">
        <v>4</v>
      </c>
      <c r="N9" s="36">
        <v>4</v>
      </c>
    </row>
    <row r="10" spans="1:14" ht="23.1" customHeight="1" x14ac:dyDescent="0.2">
      <c r="A10" s="26">
        <v>6</v>
      </c>
      <c r="B10" s="27" t="s">
        <v>15</v>
      </c>
      <c r="C10" s="28">
        <v>2837</v>
      </c>
      <c r="D10" s="29">
        <v>3064</v>
      </c>
      <c r="E10" s="29">
        <v>5901</v>
      </c>
      <c r="F10" s="30">
        <v>3200</v>
      </c>
      <c r="G10" s="31">
        <v>2833</v>
      </c>
      <c r="H10" s="32">
        <v>3053</v>
      </c>
      <c r="I10" s="32">
        <v>5886</v>
      </c>
      <c r="J10" s="33">
        <v>3210</v>
      </c>
      <c r="K10" s="34">
        <v>-4</v>
      </c>
      <c r="L10" s="35">
        <v>-11</v>
      </c>
      <c r="M10" s="35">
        <v>-15</v>
      </c>
      <c r="N10" s="36">
        <v>10</v>
      </c>
    </row>
    <row r="11" spans="1:14" ht="23.1" customHeight="1" x14ac:dyDescent="0.2">
      <c r="A11" s="26">
        <v>7</v>
      </c>
      <c r="B11" s="27" t="s">
        <v>16</v>
      </c>
      <c r="C11" s="28">
        <v>1961</v>
      </c>
      <c r="D11" s="29">
        <v>2059</v>
      </c>
      <c r="E11" s="29">
        <v>4020</v>
      </c>
      <c r="F11" s="30">
        <v>2057</v>
      </c>
      <c r="G11" s="31">
        <v>1956</v>
      </c>
      <c r="H11" s="32">
        <v>2049</v>
      </c>
      <c r="I11" s="32">
        <v>4005</v>
      </c>
      <c r="J11" s="33">
        <v>2049</v>
      </c>
      <c r="K11" s="34">
        <v>-5</v>
      </c>
      <c r="L11" s="35">
        <v>-10</v>
      </c>
      <c r="M11" s="35">
        <v>-15</v>
      </c>
      <c r="N11" s="36">
        <v>-8</v>
      </c>
    </row>
    <row r="12" spans="1:14" ht="23.1" customHeight="1" x14ac:dyDescent="0.2">
      <c r="A12" s="26">
        <v>8</v>
      </c>
      <c r="B12" s="27" t="s">
        <v>17</v>
      </c>
      <c r="C12" s="28">
        <v>1250</v>
      </c>
      <c r="D12" s="29">
        <v>1332</v>
      </c>
      <c r="E12" s="29">
        <v>2582</v>
      </c>
      <c r="F12" s="30">
        <v>1363</v>
      </c>
      <c r="G12" s="31">
        <v>1231</v>
      </c>
      <c r="H12" s="32">
        <v>1328</v>
      </c>
      <c r="I12" s="32">
        <v>2559</v>
      </c>
      <c r="J12" s="33">
        <v>1343</v>
      </c>
      <c r="K12" s="34">
        <v>-19</v>
      </c>
      <c r="L12" s="35">
        <v>-4</v>
      </c>
      <c r="M12" s="35">
        <v>-23</v>
      </c>
      <c r="N12" s="36">
        <v>-20</v>
      </c>
    </row>
    <row r="13" spans="1:14" ht="23.1" customHeight="1" x14ac:dyDescent="0.2">
      <c r="A13" s="26">
        <v>9</v>
      </c>
      <c r="B13" s="27" t="s">
        <v>18</v>
      </c>
      <c r="C13" s="28">
        <v>3090</v>
      </c>
      <c r="D13" s="29">
        <v>3385</v>
      </c>
      <c r="E13" s="29">
        <v>6475</v>
      </c>
      <c r="F13" s="30">
        <v>3195</v>
      </c>
      <c r="G13" s="31">
        <v>3084</v>
      </c>
      <c r="H13" s="32">
        <v>3389</v>
      </c>
      <c r="I13" s="32">
        <v>6473</v>
      </c>
      <c r="J13" s="33">
        <v>3199</v>
      </c>
      <c r="K13" s="34">
        <v>-6</v>
      </c>
      <c r="L13" s="35">
        <v>4</v>
      </c>
      <c r="M13" s="35">
        <v>-2</v>
      </c>
      <c r="N13" s="36">
        <v>4</v>
      </c>
    </row>
    <row r="14" spans="1:14" ht="23.1" customHeight="1" x14ac:dyDescent="0.2">
      <c r="A14" s="26">
        <v>10</v>
      </c>
      <c r="B14" s="27" t="s">
        <v>19</v>
      </c>
      <c r="C14" s="28">
        <v>5627</v>
      </c>
      <c r="D14" s="29">
        <v>6099</v>
      </c>
      <c r="E14" s="29">
        <v>11726</v>
      </c>
      <c r="F14" s="30">
        <v>5775</v>
      </c>
      <c r="G14" s="31">
        <v>5632</v>
      </c>
      <c r="H14" s="32">
        <v>6091</v>
      </c>
      <c r="I14" s="32">
        <v>11723</v>
      </c>
      <c r="J14" s="33">
        <v>5767</v>
      </c>
      <c r="K14" s="34">
        <v>5</v>
      </c>
      <c r="L14" s="35">
        <v>-8</v>
      </c>
      <c r="M14" s="35">
        <v>-3</v>
      </c>
      <c r="N14" s="36">
        <v>-8</v>
      </c>
    </row>
    <row r="15" spans="1:14" ht="23.1" customHeight="1" x14ac:dyDescent="0.2">
      <c r="A15" s="26">
        <v>11</v>
      </c>
      <c r="B15" s="27" t="s">
        <v>20</v>
      </c>
      <c r="C15" s="28">
        <v>7426</v>
      </c>
      <c r="D15" s="29">
        <v>7834</v>
      </c>
      <c r="E15" s="29">
        <v>15260</v>
      </c>
      <c r="F15" s="30">
        <v>6893</v>
      </c>
      <c r="G15" s="31">
        <v>7407</v>
      </c>
      <c r="H15" s="32">
        <v>7817</v>
      </c>
      <c r="I15" s="32">
        <v>15224</v>
      </c>
      <c r="J15" s="33">
        <v>6880</v>
      </c>
      <c r="K15" s="34">
        <v>-19</v>
      </c>
      <c r="L15" s="35">
        <v>-17</v>
      </c>
      <c r="M15" s="35">
        <v>-36</v>
      </c>
      <c r="N15" s="36">
        <v>-13</v>
      </c>
    </row>
    <row r="16" spans="1:14" ht="23.1" customHeight="1" x14ac:dyDescent="0.2">
      <c r="A16" s="26">
        <v>12</v>
      </c>
      <c r="B16" s="27" t="s">
        <v>21</v>
      </c>
      <c r="C16" s="28">
        <v>3883</v>
      </c>
      <c r="D16" s="29">
        <v>4075</v>
      </c>
      <c r="E16" s="29">
        <v>7958</v>
      </c>
      <c r="F16" s="30">
        <v>4121</v>
      </c>
      <c r="G16" s="31">
        <v>3856</v>
      </c>
      <c r="H16" s="32">
        <v>4065</v>
      </c>
      <c r="I16" s="32">
        <v>7921</v>
      </c>
      <c r="J16" s="33">
        <v>4094</v>
      </c>
      <c r="K16" s="34">
        <v>-27</v>
      </c>
      <c r="L16" s="35">
        <v>-10</v>
      </c>
      <c r="M16" s="35">
        <v>-37</v>
      </c>
      <c r="N16" s="36">
        <v>-27</v>
      </c>
    </row>
    <row r="17" spans="1:14" ht="23.1" customHeight="1" x14ac:dyDescent="0.2">
      <c r="A17" s="26">
        <v>13</v>
      </c>
      <c r="B17" s="27" t="s">
        <v>22</v>
      </c>
      <c r="C17" s="28">
        <v>5089</v>
      </c>
      <c r="D17" s="29">
        <v>5370</v>
      </c>
      <c r="E17" s="29">
        <v>10459</v>
      </c>
      <c r="F17" s="30">
        <v>5260</v>
      </c>
      <c r="G17" s="31">
        <v>5080</v>
      </c>
      <c r="H17" s="32">
        <v>5350</v>
      </c>
      <c r="I17" s="32">
        <v>10430</v>
      </c>
      <c r="J17" s="33">
        <v>5245</v>
      </c>
      <c r="K17" s="34">
        <v>-9</v>
      </c>
      <c r="L17" s="35">
        <v>-20</v>
      </c>
      <c r="M17" s="35">
        <v>-29</v>
      </c>
      <c r="N17" s="36">
        <v>-15</v>
      </c>
    </row>
    <row r="18" spans="1:14" ht="23.1" customHeight="1" x14ac:dyDescent="0.2">
      <c r="A18" s="26">
        <v>14</v>
      </c>
      <c r="B18" s="27" t="s">
        <v>23</v>
      </c>
      <c r="C18" s="28">
        <v>3881</v>
      </c>
      <c r="D18" s="29">
        <v>4149</v>
      </c>
      <c r="E18" s="29">
        <v>8030</v>
      </c>
      <c r="F18" s="30">
        <v>3800</v>
      </c>
      <c r="G18" s="31">
        <v>3884</v>
      </c>
      <c r="H18" s="32">
        <v>4150</v>
      </c>
      <c r="I18" s="32">
        <v>8034</v>
      </c>
      <c r="J18" s="33">
        <v>3802</v>
      </c>
      <c r="K18" s="34">
        <v>3</v>
      </c>
      <c r="L18" s="35">
        <v>1</v>
      </c>
      <c r="M18" s="35">
        <v>4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48</v>
      </c>
      <c r="D19" s="29">
        <v>2915</v>
      </c>
      <c r="E19" s="29">
        <v>5663</v>
      </c>
      <c r="F19" s="30">
        <v>2547</v>
      </c>
      <c r="G19" s="31">
        <v>2747</v>
      </c>
      <c r="H19" s="32">
        <v>2913</v>
      </c>
      <c r="I19" s="32">
        <v>5660</v>
      </c>
      <c r="J19" s="33">
        <v>2548</v>
      </c>
      <c r="K19" s="34">
        <v>-1</v>
      </c>
      <c r="L19" s="35">
        <v>-2</v>
      </c>
      <c r="M19" s="35">
        <v>-3</v>
      </c>
      <c r="N19" s="36">
        <v>1</v>
      </c>
    </row>
    <row r="20" spans="1:14" ht="23.1" customHeight="1" x14ac:dyDescent="0.2">
      <c r="A20" s="26">
        <v>16</v>
      </c>
      <c r="B20" s="27" t="s">
        <v>25</v>
      </c>
      <c r="C20" s="28">
        <v>5317</v>
      </c>
      <c r="D20" s="29">
        <v>4775</v>
      </c>
      <c r="E20" s="29">
        <v>10092</v>
      </c>
      <c r="F20" s="30">
        <v>5699</v>
      </c>
      <c r="G20" s="31">
        <v>5306</v>
      </c>
      <c r="H20" s="32">
        <v>4760</v>
      </c>
      <c r="I20" s="32">
        <v>10066</v>
      </c>
      <c r="J20" s="33">
        <v>5682</v>
      </c>
      <c r="K20" s="34">
        <v>-11</v>
      </c>
      <c r="L20" s="35">
        <v>-15</v>
      </c>
      <c r="M20" s="35">
        <v>-26</v>
      </c>
      <c r="N20" s="36">
        <v>-17</v>
      </c>
    </row>
    <row r="21" spans="1:14" ht="23.1" customHeight="1" x14ac:dyDescent="0.2">
      <c r="A21" s="26">
        <v>17</v>
      </c>
      <c r="B21" s="27" t="s">
        <v>26</v>
      </c>
      <c r="C21" s="28">
        <v>1901</v>
      </c>
      <c r="D21" s="29">
        <v>2127</v>
      </c>
      <c r="E21" s="29">
        <v>4028</v>
      </c>
      <c r="F21" s="30">
        <v>1805</v>
      </c>
      <c r="G21" s="31">
        <v>1904</v>
      </c>
      <c r="H21" s="32">
        <v>2132</v>
      </c>
      <c r="I21" s="32">
        <v>4036</v>
      </c>
      <c r="J21" s="33">
        <v>1808</v>
      </c>
      <c r="K21" s="34">
        <v>3</v>
      </c>
      <c r="L21" s="35">
        <v>5</v>
      </c>
      <c r="M21" s="35">
        <v>8</v>
      </c>
      <c r="N21" s="36">
        <v>3</v>
      </c>
    </row>
    <row r="22" spans="1:14" ht="23.1" customHeight="1" x14ac:dyDescent="0.2">
      <c r="A22" s="26">
        <v>18</v>
      </c>
      <c r="B22" s="27" t="s">
        <v>27</v>
      </c>
      <c r="C22" s="28">
        <v>1432</v>
      </c>
      <c r="D22" s="29">
        <v>1633</v>
      </c>
      <c r="E22" s="29">
        <v>3065</v>
      </c>
      <c r="F22" s="30">
        <v>1511</v>
      </c>
      <c r="G22" s="31">
        <v>1435</v>
      </c>
      <c r="H22" s="32">
        <v>1636</v>
      </c>
      <c r="I22" s="32">
        <v>3071</v>
      </c>
      <c r="J22" s="33">
        <v>1515</v>
      </c>
      <c r="K22" s="34">
        <v>3</v>
      </c>
      <c r="L22" s="35">
        <v>3</v>
      </c>
      <c r="M22" s="35">
        <v>6</v>
      </c>
      <c r="N22" s="36">
        <v>4</v>
      </c>
    </row>
    <row r="23" spans="1:14" ht="23.1" customHeight="1" x14ac:dyDescent="0.2">
      <c r="A23" s="26">
        <v>19</v>
      </c>
      <c r="B23" s="27" t="s">
        <v>28</v>
      </c>
      <c r="C23" s="28">
        <v>2817</v>
      </c>
      <c r="D23" s="29">
        <v>2936</v>
      </c>
      <c r="E23" s="29">
        <v>5753</v>
      </c>
      <c r="F23" s="30">
        <v>2544</v>
      </c>
      <c r="G23" s="31">
        <v>2824</v>
      </c>
      <c r="H23" s="32">
        <v>2939</v>
      </c>
      <c r="I23" s="32">
        <v>5763</v>
      </c>
      <c r="J23" s="33">
        <v>2550</v>
      </c>
      <c r="K23" s="34">
        <v>7</v>
      </c>
      <c r="L23" s="35">
        <v>3</v>
      </c>
      <c r="M23" s="35">
        <v>10</v>
      </c>
      <c r="N23" s="36">
        <v>6</v>
      </c>
    </row>
    <row r="24" spans="1:14" ht="23.1" customHeight="1" x14ac:dyDescent="0.2">
      <c r="A24" s="26">
        <v>20</v>
      </c>
      <c r="B24" s="27" t="s">
        <v>29</v>
      </c>
      <c r="C24" s="28">
        <v>3726</v>
      </c>
      <c r="D24" s="29">
        <v>3842</v>
      </c>
      <c r="E24" s="29">
        <v>7568</v>
      </c>
      <c r="F24" s="30">
        <v>3301</v>
      </c>
      <c r="G24" s="31">
        <v>3716</v>
      </c>
      <c r="H24" s="32">
        <v>3831</v>
      </c>
      <c r="I24" s="32">
        <v>7547</v>
      </c>
      <c r="J24" s="33">
        <v>3292</v>
      </c>
      <c r="K24" s="34">
        <v>-10</v>
      </c>
      <c r="L24" s="35">
        <v>-11</v>
      </c>
      <c r="M24" s="35">
        <v>-21</v>
      </c>
      <c r="N24" s="36">
        <v>-9</v>
      </c>
    </row>
    <row r="25" spans="1:14" ht="23.1" customHeight="1" x14ac:dyDescent="0.2">
      <c r="A25" s="26">
        <v>21</v>
      </c>
      <c r="B25" s="27" t="s">
        <v>30</v>
      </c>
      <c r="C25" s="28">
        <v>1110</v>
      </c>
      <c r="D25" s="29">
        <v>1287</v>
      </c>
      <c r="E25" s="29">
        <v>2397</v>
      </c>
      <c r="F25" s="30">
        <v>1066</v>
      </c>
      <c r="G25" s="31">
        <v>1104</v>
      </c>
      <c r="H25" s="32">
        <v>1285</v>
      </c>
      <c r="I25" s="32">
        <v>2389</v>
      </c>
      <c r="J25" s="33">
        <v>1065</v>
      </c>
      <c r="K25" s="34">
        <v>-6</v>
      </c>
      <c r="L25" s="35">
        <v>-2</v>
      </c>
      <c r="M25" s="35">
        <v>-8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34</v>
      </c>
      <c r="D26" s="29">
        <v>2053</v>
      </c>
      <c r="E26" s="29">
        <v>3987</v>
      </c>
      <c r="F26" s="30">
        <v>1785</v>
      </c>
      <c r="G26" s="31">
        <v>1932</v>
      </c>
      <c r="H26" s="32">
        <v>2052</v>
      </c>
      <c r="I26" s="32">
        <v>3984</v>
      </c>
      <c r="J26" s="33">
        <v>1788</v>
      </c>
      <c r="K26" s="34">
        <v>-2</v>
      </c>
      <c r="L26" s="35">
        <v>-1</v>
      </c>
      <c r="M26" s="35">
        <v>-3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544</v>
      </c>
      <c r="D27" s="29">
        <v>7866</v>
      </c>
      <c r="E27" s="29">
        <v>15410</v>
      </c>
      <c r="F27" s="30">
        <v>6678</v>
      </c>
      <c r="G27" s="31">
        <v>7536</v>
      </c>
      <c r="H27" s="32">
        <v>7853</v>
      </c>
      <c r="I27" s="32">
        <v>15389</v>
      </c>
      <c r="J27" s="33">
        <v>6669</v>
      </c>
      <c r="K27" s="34">
        <v>-8</v>
      </c>
      <c r="L27" s="35">
        <v>-13</v>
      </c>
      <c r="M27" s="35">
        <v>-21</v>
      </c>
      <c r="N27" s="36">
        <v>-9</v>
      </c>
    </row>
    <row r="28" spans="1:14" ht="23.1" customHeight="1" x14ac:dyDescent="0.2">
      <c r="A28" s="26">
        <v>24</v>
      </c>
      <c r="B28" s="27" t="s">
        <v>33</v>
      </c>
      <c r="C28" s="28">
        <v>4687</v>
      </c>
      <c r="D28" s="29">
        <v>5064</v>
      </c>
      <c r="E28" s="29">
        <v>9751</v>
      </c>
      <c r="F28" s="30">
        <v>4662</v>
      </c>
      <c r="G28" s="31">
        <v>4688</v>
      </c>
      <c r="H28" s="32">
        <v>5067</v>
      </c>
      <c r="I28" s="32">
        <v>9755</v>
      </c>
      <c r="J28" s="33">
        <v>4650</v>
      </c>
      <c r="K28" s="34">
        <v>1</v>
      </c>
      <c r="L28" s="35">
        <v>3</v>
      </c>
      <c r="M28" s="35">
        <v>4</v>
      </c>
      <c r="N28" s="36">
        <v>-12</v>
      </c>
    </row>
    <row r="29" spans="1:14" ht="23.1" customHeight="1" x14ac:dyDescent="0.2">
      <c r="A29" s="26">
        <v>25</v>
      </c>
      <c r="B29" s="27" t="s">
        <v>34</v>
      </c>
      <c r="C29" s="28">
        <v>6125</v>
      </c>
      <c r="D29" s="29">
        <v>6438</v>
      </c>
      <c r="E29" s="29">
        <v>12563</v>
      </c>
      <c r="F29" s="30">
        <v>5894</v>
      </c>
      <c r="G29" s="31">
        <v>6124</v>
      </c>
      <c r="H29" s="32">
        <v>6431</v>
      </c>
      <c r="I29" s="32">
        <v>12555</v>
      </c>
      <c r="J29" s="33">
        <v>5888</v>
      </c>
      <c r="K29" s="34">
        <v>-1</v>
      </c>
      <c r="L29" s="35">
        <v>-7</v>
      </c>
      <c r="M29" s="35">
        <v>-8</v>
      </c>
      <c r="N29" s="36">
        <v>-6</v>
      </c>
    </row>
    <row r="30" spans="1:14" ht="23.1" customHeight="1" x14ac:dyDescent="0.2">
      <c r="A30" s="26">
        <v>26</v>
      </c>
      <c r="B30" s="27" t="s">
        <v>35</v>
      </c>
      <c r="C30" s="28">
        <v>8037</v>
      </c>
      <c r="D30" s="29">
        <v>8375</v>
      </c>
      <c r="E30" s="29">
        <v>16412</v>
      </c>
      <c r="F30" s="30">
        <v>6865</v>
      </c>
      <c r="G30" s="31">
        <v>8057</v>
      </c>
      <c r="H30" s="32">
        <v>8399</v>
      </c>
      <c r="I30" s="32">
        <v>16456</v>
      </c>
      <c r="J30" s="33">
        <v>6896</v>
      </c>
      <c r="K30" s="34">
        <v>20</v>
      </c>
      <c r="L30" s="35">
        <v>24</v>
      </c>
      <c r="M30" s="35">
        <v>44</v>
      </c>
      <c r="N30" s="36">
        <v>31</v>
      </c>
    </row>
    <row r="31" spans="1:14" ht="23.1" customHeight="1" x14ac:dyDescent="0.2">
      <c r="A31" s="26">
        <v>27</v>
      </c>
      <c r="B31" s="27" t="s">
        <v>36</v>
      </c>
      <c r="C31" s="28">
        <v>5525</v>
      </c>
      <c r="D31" s="29">
        <v>6040</v>
      </c>
      <c r="E31" s="29">
        <v>11565</v>
      </c>
      <c r="F31" s="30">
        <v>5737</v>
      </c>
      <c r="G31" s="31">
        <v>5548</v>
      </c>
      <c r="H31" s="32">
        <v>6017</v>
      </c>
      <c r="I31" s="32">
        <v>11565</v>
      </c>
      <c r="J31" s="33">
        <v>5732</v>
      </c>
      <c r="K31" s="34">
        <v>23</v>
      </c>
      <c r="L31" s="35">
        <v>-23</v>
      </c>
      <c r="M31" s="35">
        <v>0</v>
      </c>
      <c r="N31" s="36">
        <v>-5</v>
      </c>
    </row>
    <row r="32" spans="1:14" ht="23.1" customHeight="1" x14ac:dyDescent="0.2">
      <c r="A32" s="26">
        <v>28</v>
      </c>
      <c r="B32" s="27" t="s">
        <v>37</v>
      </c>
      <c r="C32" s="28">
        <v>5522</v>
      </c>
      <c r="D32" s="29">
        <v>5858</v>
      </c>
      <c r="E32" s="29">
        <v>11380</v>
      </c>
      <c r="F32" s="30">
        <v>4998</v>
      </c>
      <c r="G32" s="31">
        <v>5510</v>
      </c>
      <c r="H32" s="32">
        <v>5853</v>
      </c>
      <c r="I32" s="32">
        <v>11363</v>
      </c>
      <c r="J32" s="33">
        <v>5002</v>
      </c>
      <c r="K32" s="34">
        <v>-12</v>
      </c>
      <c r="L32" s="35">
        <v>-5</v>
      </c>
      <c r="M32" s="35">
        <v>-17</v>
      </c>
      <c r="N32" s="36">
        <v>4</v>
      </c>
    </row>
    <row r="33" spans="1:14" ht="23.1" customHeight="1" x14ac:dyDescent="0.2">
      <c r="A33" s="26">
        <v>29</v>
      </c>
      <c r="B33" s="27" t="s">
        <v>38</v>
      </c>
      <c r="C33" s="28">
        <v>2707</v>
      </c>
      <c r="D33" s="29">
        <v>2911</v>
      </c>
      <c r="E33" s="29">
        <v>5618</v>
      </c>
      <c r="F33" s="30">
        <v>2492</v>
      </c>
      <c r="G33" s="31">
        <v>2708</v>
      </c>
      <c r="H33" s="32">
        <v>2885</v>
      </c>
      <c r="I33" s="32">
        <v>5593</v>
      </c>
      <c r="J33" s="33">
        <v>2470</v>
      </c>
      <c r="K33" s="34">
        <v>1</v>
      </c>
      <c r="L33" s="35">
        <v>-26</v>
      </c>
      <c r="M33" s="35">
        <v>-25</v>
      </c>
      <c r="N33" s="36">
        <v>-22</v>
      </c>
    </row>
    <row r="34" spans="1:14" ht="23.1" customHeight="1" x14ac:dyDescent="0.2">
      <c r="A34" s="26">
        <v>30</v>
      </c>
      <c r="B34" s="27" t="s">
        <v>39</v>
      </c>
      <c r="C34" s="28">
        <v>6622</v>
      </c>
      <c r="D34" s="29">
        <v>6851</v>
      </c>
      <c r="E34" s="29">
        <v>13473</v>
      </c>
      <c r="F34" s="30">
        <v>6330</v>
      </c>
      <c r="G34" s="31">
        <v>6619</v>
      </c>
      <c r="H34" s="32">
        <v>6832</v>
      </c>
      <c r="I34" s="32">
        <v>13451</v>
      </c>
      <c r="J34" s="33">
        <v>6322</v>
      </c>
      <c r="K34" s="34">
        <v>-3</v>
      </c>
      <c r="L34" s="35">
        <v>-19</v>
      </c>
      <c r="M34" s="35">
        <v>-22</v>
      </c>
      <c r="N34" s="36">
        <v>-8</v>
      </c>
    </row>
    <row r="35" spans="1:14" ht="23.1" customHeight="1" x14ac:dyDescent="0.2">
      <c r="A35" s="26">
        <v>31</v>
      </c>
      <c r="B35" s="27" t="s">
        <v>40</v>
      </c>
      <c r="C35" s="28">
        <v>2800</v>
      </c>
      <c r="D35" s="29">
        <v>2765</v>
      </c>
      <c r="E35" s="29">
        <v>5565</v>
      </c>
      <c r="F35" s="30">
        <v>2532</v>
      </c>
      <c r="G35" s="31">
        <v>2809</v>
      </c>
      <c r="H35" s="32">
        <v>2762</v>
      </c>
      <c r="I35" s="32">
        <v>5571</v>
      </c>
      <c r="J35" s="33">
        <v>2537</v>
      </c>
      <c r="K35" s="34">
        <v>9</v>
      </c>
      <c r="L35" s="35">
        <v>-3</v>
      </c>
      <c r="M35" s="35">
        <v>6</v>
      </c>
      <c r="N35" s="36">
        <v>5</v>
      </c>
    </row>
    <row r="36" spans="1:14" ht="23.1" customHeight="1" x14ac:dyDescent="0.2">
      <c r="A36" s="26">
        <v>32</v>
      </c>
      <c r="B36" s="27" t="s">
        <v>41</v>
      </c>
      <c r="C36" s="28">
        <v>3360</v>
      </c>
      <c r="D36" s="29">
        <v>3534</v>
      </c>
      <c r="E36" s="29">
        <v>6894</v>
      </c>
      <c r="F36" s="30">
        <v>2835</v>
      </c>
      <c r="G36" s="31">
        <v>3366</v>
      </c>
      <c r="H36" s="32">
        <v>3538</v>
      </c>
      <c r="I36" s="32">
        <v>6904</v>
      </c>
      <c r="J36" s="33">
        <v>2841</v>
      </c>
      <c r="K36" s="34">
        <v>6</v>
      </c>
      <c r="L36" s="35">
        <v>4</v>
      </c>
      <c r="M36" s="35">
        <v>10</v>
      </c>
      <c r="N36" s="36">
        <v>6</v>
      </c>
    </row>
    <row r="37" spans="1:14" ht="23.1" customHeight="1" x14ac:dyDescent="0.2">
      <c r="A37" s="26">
        <v>33</v>
      </c>
      <c r="B37" s="27" t="s">
        <v>42</v>
      </c>
      <c r="C37" s="28">
        <v>2976</v>
      </c>
      <c r="D37" s="29">
        <v>3211</v>
      </c>
      <c r="E37" s="29">
        <v>6187</v>
      </c>
      <c r="F37" s="30">
        <v>2701</v>
      </c>
      <c r="G37" s="31">
        <v>2974</v>
      </c>
      <c r="H37" s="32">
        <v>3199</v>
      </c>
      <c r="I37" s="32">
        <v>6173</v>
      </c>
      <c r="J37" s="33">
        <v>2700</v>
      </c>
      <c r="K37" s="34">
        <v>-2</v>
      </c>
      <c r="L37" s="35">
        <v>-12</v>
      </c>
      <c r="M37" s="35">
        <v>-14</v>
      </c>
      <c r="N37" s="36">
        <v>-1</v>
      </c>
    </row>
    <row r="38" spans="1:14" ht="23.1" customHeight="1" x14ac:dyDescent="0.2">
      <c r="A38" s="26">
        <v>34</v>
      </c>
      <c r="B38" s="27" t="s">
        <v>43</v>
      </c>
      <c r="C38" s="28">
        <v>1575</v>
      </c>
      <c r="D38" s="29">
        <v>1663</v>
      </c>
      <c r="E38" s="29">
        <v>3238</v>
      </c>
      <c r="F38" s="30">
        <v>1426</v>
      </c>
      <c r="G38" s="31">
        <v>1579</v>
      </c>
      <c r="H38" s="32">
        <v>1660</v>
      </c>
      <c r="I38" s="32">
        <v>3239</v>
      </c>
      <c r="J38" s="33">
        <v>1435</v>
      </c>
      <c r="K38" s="34">
        <v>4</v>
      </c>
      <c r="L38" s="35">
        <v>-3</v>
      </c>
      <c r="M38" s="35">
        <v>1</v>
      </c>
      <c r="N38" s="36">
        <v>9</v>
      </c>
    </row>
    <row r="39" spans="1:14" ht="23.1" customHeight="1" x14ac:dyDescent="0.2">
      <c r="A39" s="26">
        <v>35</v>
      </c>
      <c r="B39" s="27" t="s">
        <v>44</v>
      </c>
      <c r="C39" s="28">
        <v>1072</v>
      </c>
      <c r="D39" s="29">
        <v>1165</v>
      </c>
      <c r="E39" s="29">
        <v>2237</v>
      </c>
      <c r="F39" s="30">
        <v>958</v>
      </c>
      <c r="G39" s="31">
        <v>1073</v>
      </c>
      <c r="H39" s="32">
        <v>1167</v>
      </c>
      <c r="I39" s="32">
        <v>2240</v>
      </c>
      <c r="J39" s="33">
        <v>957</v>
      </c>
      <c r="K39" s="34">
        <v>1</v>
      </c>
      <c r="L39" s="35">
        <v>2</v>
      </c>
      <c r="M39" s="35">
        <v>3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395</v>
      </c>
      <c r="D40" s="29">
        <v>1392</v>
      </c>
      <c r="E40" s="29">
        <v>2787</v>
      </c>
      <c r="F40" s="30">
        <v>1205</v>
      </c>
      <c r="G40" s="31">
        <v>1390</v>
      </c>
      <c r="H40" s="32">
        <v>1392</v>
      </c>
      <c r="I40" s="32">
        <v>2782</v>
      </c>
      <c r="J40" s="33">
        <v>1203</v>
      </c>
      <c r="K40" s="34">
        <v>-5</v>
      </c>
      <c r="L40" s="35">
        <v>0</v>
      </c>
      <c r="M40" s="35">
        <v>-5</v>
      </c>
      <c r="N40" s="36">
        <v>-2</v>
      </c>
    </row>
    <row r="41" spans="1:14" ht="23.1" customHeight="1" x14ac:dyDescent="0.2">
      <c r="A41" s="26">
        <v>37</v>
      </c>
      <c r="B41" s="27" t="s">
        <v>46</v>
      </c>
      <c r="C41" s="28">
        <v>1418</v>
      </c>
      <c r="D41" s="29">
        <v>1583</v>
      </c>
      <c r="E41" s="29">
        <v>3001</v>
      </c>
      <c r="F41" s="30">
        <v>1287</v>
      </c>
      <c r="G41" s="31">
        <v>1404</v>
      </c>
      <c r="H41" s="32">
        <v>1580</v>
      </c>
      <c r="I41" s="32">
        <v>2984</v>
      </c>
      <c r="J41" s="33">
        <v>1278</v>
      </c>
      <c r="K41" s="34">
        <v>-14</v>
      </c>
      <c r="L41" s="35">
        <v>-3</v>
      </c>
      <c r="M41" s="35">
        <v>-17</v>
      </c>
      <c r="N41" s="36">
        <v>-9</v>
      </c>
    </row>
    <row r="42" spans="1:14" ht="23.1" customHeight="1" x14ac:dyDescent="0.2">
      <c r="A42" s="26">
        <v>38</v>
      </c>
      <c r="B42" s="27" t="s">
        <v>47</v>
      </c>
      <c r="C42" s="28">
        <v>5947</v>
      </c>
      <c r="D42" s="29">
        <v>6248</v>
      </c>
      <c r="E42" s="29">
        <v>12195</v>
      </c>
      <c r="F42" s="30">
        <v>5501</v>
      </c>
      <c r="G42" s="31">
        <v>5942</v>
      </c>
      <c r="H42" s="32">
        <v>6241</v>
      </c>
      <c r="I42" s="32">
        <v>12183</v>
      </c>
      <c r="J42" s="33">
        <v>5494</v>
      </c>
      <c r="K42" s="34">
        <v>-5</v>
      </c>
      <c r="L42" s="35">
        <v>-7</v>
      </c>
      <c r="M42" s="35">
        <v>-12</v>
      </c>
      <c r="N42" s="36">
        <v>-7</v>
      </c>
    </row>
    <row r="43" spans="1:14" ht="23.1" customHeight="1" x14ac:dyDescent="0.2">
      <c r="A43" s="26">
        <v>39</v>
      </c>
      <c r="B43" s="27" t="s">
        <v>48</v>
      </c>
      <c r="C43" s="28">
        <v>1945</v>
      </c>
      <c r="D43" s="29">
        <v>2044</v>
      </c>
      <c r="E43" s="29">
        <v>3989</v>
      </c>
      <c r="F43" s="30">
        <v>1779</v>
      </c>
      <c r="G43" s="31">
        <v>1942</v>
      </c>
      <c r="H43" s="32">
        <v>2047</v>
      </c>
      <c r="I43" s="32">
        <v>3989</v>
      </c>
      <c r="J43" s="33">
        <v>1782</v>
      </c>
      <c r="K43" s="34">
        <v>-3</v>
      </c>
      <c r="L43" s="35">
        <v>3</v>
      </c>
      <c r="M43" s="35">
        <v>0</v>
      </c>
      <c r="N43" s="36">
        <v>3</v>
      </c>
    </row>
    <row r="44" spans="1:14" ht="23.1" customHeight="1" x14ac:dyDescent="0.2">
      <c r="A44" s="26">
        <v>40</v>
      </c>
      <c r="B44" s="27" t="s">
        <v>49</v>
      </c>
      <c r="C44" s="28">
        <v>798</v>
      </c>
      <c r="D44" s="29">
        <v>804</v>
      </c>
      <c r="E44" s="29">
        <v>1602</v>
      </c>
      <c r="F44" s="30">
        <v>652</v>
      </c>
      <c r="G44" s="31">
        <v>799</v>
      </c>
      <c r="H44" s="32">
        <v>807</v>
      </c>
      <c r="I44" s="32">
        <v>1606</v>
      </c>
      <c r="J44" s="33">
        <v>657</v>
      </c>
      <c r="K44" s="34">
        <v>1</v>
      </c>
      <c r="L44" s="35">
        <v>3</v>
      </c>
      <c r="M44" s="35">
        <v>4</v>
      </c>
      <c r="N44" s="36">
        <v>5</v>
      </c>
    </row>
    <row r="45" spans="1:14" ht="23.1" customHeight="1" x14ac:dyDescent="0.2">
      <c r="A45" s="26">
        <v>41</v>
      </c>
      <c r="B45" s="27" t="s">
        <v>50</v>
      </c>
      <c r="C45" s="28">
        <v>855</v>
      </c>
      <c r="D45" s="29">
        <v>819</v>
      </c>
      <c r="E45" s="29">
        <v>1674</v>
      </c>
      <c r="F45" s="30">
        <v>959</v>
      </c>
      <c r="G45" s="31">
        <v>855</v>
      </c>
      <c r="H45" s="32">
        <v>820</v>
      </c>
      <c r="I45" s="32">
        <v>1675</v>
      </c>
      <c r="J45" s="33">
        <v>961</v>
      </c>
      <c r="K45" s="34">
        <v>0</v>
      </c>
      <c r="L45" s="35">
        <v>1</v>
      </c>
      <c r="M45" s="35">
        <v>1</v>
      </c>
      <c r="N45" s="36">
        <v>2</v>
      </c>
    </row>
    <row r="46" spans="1:14" ht="23.1" customHeight="1" x14ac:dyDescent="0.2">
      <c r="A46" s="26">
        <v>42</v>
      </c>
      <c r="B46" s="27" t="s">
        <v>51</v>
      </c>
      <c r="C46" s="28">
        <v>1623</v>
      </c>
      <c r="D46" s="29">
        <v>1657</v>
      </c>
      <c r="E46" s="29">
        <v>3280</v>
      </c>
      <c r="F46" s="30">
        <v>1403</v>
      </c>
      <c r="G46" s="31">
        <v>1621</v>
      </c>
      <c r="H46" s="32">
        <v>1654</v>
      </c>
      <c r="I46" s="32">
        <v>3275</v>
      </c>
      <c r="J46" s="33">
        <v>1406</v>
      </c>
      <c r="K46" s="34">
        <v>-2</v>
      </c>
      <c r="L46" s="35">
        <v>-3</v>
      </c>
      <c r="M46" s="35">
        <v>-5</v>
      </c>
      <c r="N46" s="36">
        <v>3</v>
      </c>
    </row>
    <row r="47" spans="1:14" ht="23.1" customHeight="1" x14ac:dyDescent="0.2">
      <c r="A47" s="26">
        <v>43</v>
      </c>
      <c r="B47" s="27" t="s">
        <v>52</v>
      </c>
      <c r="C47" s="28">
        <v>460</v>
      </c>
      <c r="D47" s="29">
        <v>516</v>
      </c>
      <c r="E47" s="29">
        <v>976</v>
      </c>
      <c r="F47" s="30">
        <v>394</v>
      </c>
      <c r="G47" s="31">
        <v>459</v>
      </c>
      <c r="H47" s="32">
        <v>515</v>
      </c>
      <c r="I47" s="32">
        <v>974</v>
      </c>
      <c r="J47" s="33">
        <v>394</v>
      </c>
      <c r="K47" s="34">
        <v>-1</v>
      </c>
      <c r="L47" s="35">
        <v>-1</v>
      </c>
      <c r="M47" s="35">
        <v>-2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528</v>
      </c>
      <c r="D48" s="29">
        <v>1735</v>
      </c>
      <c r="E48" s="29">
        <v>3263</v>
      </c>
      <c r="F48" s="30">
        <v>1558</v>
      </c>
      <c r="G48" s="31">
        <v>1524</v>
      </c>
      <c r="H48" s="32">
        <v>1732</v>
      </c>
      <c r="I48" s="32">
        <v>3256</v>
      </c>
      <c r="J48" s="33">
        <v>1555</v>
      </c>
      <c r="K48" s="34">
        <v>-4</v>
      </c>
      <c r="L48" s="35">
        <v>-3</v>
      </c>
      <c r="M48" s="35">
        <v>-7</v>
      </c>
      <c r="N48" s="36">
        <v>-3</v>
      </c>
    </row>
    <row r="49" spans="1:14" ht="23.1" customHeight="1" x14ac:dyDescent="0.2">
      <c r="A49" s="26">
        <v>45</v>
      </c>
      <c r="B49" s="27" t="s">
        <v>54</v>
      </c>
      <c r="C49" s="28">
        <v>1869</v>
      </c>
      <c r="D49" s="29">
        <v>1951</v>
      </c>
      <c r="E49" s="29">
        <v>3820</v>
      </c>
      <c r="F49" s="30">
        <v>1737</v>
      </c>
      <c r="G49" s="31">
        <v>1863</v>
      </c>
      <c r="H49" s="32">
        <v>1962</v>
      </c>
      <c r="I49" s="32">
        <v>3825</v>
      </c>
      <c r="J49" s="33">
        <v>1749</v>
      </c>
      <c r="K49" s="34">
        <v>-6</v>
      </c>
      <c r="L49" s="35">
        <v>11</v>
      </c>
      <c r="M49" s="35">
        <v>5</v>
      </c>
      <c r="N49" s="36">
        <v>12</v>
      </c>
    </row>
    <row r="50" spans="1:14" ht="23.1" customHeight="1" x14ac:dyDescent="0.2">
      <c r="A50" s="26">
        <v>46</v>
      </c>
      <c r="B50" s="27" t="s">
        <v>55</v>
      </c>
      <c r="C50" s="28">
        <v>890</v>
      </c>
      <c r="D50" s="29">
        <v>899</v>
      </c>
      <c r="E50" s="29">
        <v>1789</v>
      </c>
      <c r="F50" s="30">
        <v>795</v>
      </c>
      <c r="G50" s="31">
        <v>888</v>
      </c>
      <c r="H50" s="32">
        <v>897</v>
      </c>
      <c r="I50" s="32">
        <v>1785</v>
      </c>
      <c r="J50" s="33">
        <v>793</v>
      </c>
      <c r="K50" s="34">
        <v>-2</v>
      </c>
      <c r="L50" s="35">
        <v>-2</v>
      </c>
      <c r="M50" s="35">
        <v>-4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874</v>
      </c>
      <c r="D51" s="29">
        <v>1909</v>
      </c>
      <c r="E51" s="29">
        <v>3783</v>
      </c>
      <c r="F51" s="30">
        <v>1716</v>
      </c>
      <c r="G51" s="31">
        <v>1865</v>
      </c>
      <c r="H51" s="32">
        <v>1898</v>
      </c>
      <c r="I51" s="32">
        <v>3763</v>
      </c>
      <c r="J51" s="33">
        <v>1698</v>
      </c>
      <c r="K51" s="34">
        <v>-9</v>
      </c>
      <c r="L51" s="35">
        <v>-11</v>
      </c>
      <c r="M51" s="35">
        <v>-20</v>
      </c>
      <c r="N51" s="36">
        <v>-18</v>
      </c>
    </row>
    <row r="52" spans="1:14" ht="23.1" customHeight="1" x14ac:dyDescent="0.2">
      <c r="A52" s="26">
        <v>48</v>
      </c>
      <c r="B52" s="27" t="s">
        <v>57</v>
      </c>
      <c r="C52" s="28">
        <v>800</v>
      </c>
      <c r="D52" s="29">
        <v>813</v>
      </c>
      <c r="E52" s="29">
        <v>1613</v>
      </c>
      <c r="F52" s="30">
        <v>610</v>
      </c>
      <c r="G52" s="31">
        <v>799</v>
      </c>
      <c r="H52" s="32">
        <v>811</v>
      </c>
      <c r="I52" s="32">
        <v>1610</v>
      </c>
      <c r="J52" s="33">
        <v>609</v>
      </c>
      <c r="K52" s="34">
        <v>-1</v>
      </c>
      <c r="L52" s="35">
        <v>-2</v>
      </c>
      <c r="M52" s="35">
        <v>-3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373</v>
      </c>
      <c r="D53" s="29">
        <v>4470</v>
      </c>
      <c r="E53" s="29">
        <v>8843</v>
      </c>
      <c r="F53" s="30">
        <v>4367</v>
      </c>
      <c r="G53" s="31">
        <v>4360</v>
      </c>
      <c r="H53" s="32">
        <v>4455</v>
      </c>
      <c r="I53" s="32">
        <v>8815</v>
      </c>
      <c r="J53" s="33">
        <v>4346</v>
      </c>
      <c r="K53" s="34">
        <v>-13</v>
      </c>
      <c r="L53" s="35">
        <v>-15</v>
      </c>
      <c r="M53" s="35">
        <v>-28</v>
      </c>
      <c r="N53" s="36">
        <v>-21</v>
      </c>
    </row>
    <row r="54" spans="1:14" ht="23.1" customHeight="1" x14ac:dyDescent="0.2">
      <c r="A54" s="26">
        <v>50</v>
      </c>
      <c r="B54" s="27" t="s">
        <v>59</v>
      </c>
      <c r="C54" s="28">
        <v>6329</v>
      </c>
      <c r="D54" s="29">
        <v>6292</v>
      </c>
      <c r="E54" s="29">
        <v>12621</v>
      </c>
      <c r="F54" s="30">
        <v>5972</v>
      </c>
      <c r="G54" s="31">
        <v>6322</v>
      </c>
      <c r="H54" s="32">
        <v>6282</v>
      </c>
      <c r="I54" s="32">
        <v>12604</v>
      </c>
      <c r="J54" s="33">
        <v>5968</v>
      </c>
      <c r="K54" s="34">
        <v>-7</v>
      </c>
      <c r="L54" s="35">
        <v>-10</v>
      </c>
      <c r="M54" s="35">
        <v>-17</v>
      </c>
      <c r="N54" s="36">
        <v>-4</v>
      </c>
    </row>
    <row r="55" spans="1:14" ht="23.1" customHeight="1" x14ac:dyDescent="0.2">
      <c r="A55" s="26">
        <v>99</v>
      </c>
      <c r="B55" s="27" t="s">
        <v>60</v>
      </c>
      <c r="C55" s="28">
        <v>153687</v>
      </c>
      <c r="D55" s="29">
        <v>161654</v>
      </c>
      <c r="E55" s="29">
        <v>315341</v>
      </c>
      <c r="F55" s="30">
        <v>147719</v>
      </c>
      <c r="G55" s="31">
        <v>153632</v>
      </c>
      <c r="H55" s="32">
        <v>161495</v>
      </c>
      <c r="I55" s="32">
        <v>315127</v>
      </c>
      <c r="J55" s="33">
        <v>147640</v>
      </c>
      <c r="K55" s="34">
        <v>-55</v>
      </c>
      <c r="L55" s="35">
        <v>-159</v>
      </c>
      <c r="M55" s="35">
        <v>-214</v>
      </c>
      <c r="N55" s="36">
        <v>-79</v>
      </c>
    </row>
    <row r="56" spans="1:14" ht="23.1" customHeight="1" x14ac:dyDescent="0.2">
      <c r="A56" s="37">
        <v>101</v>
      </c>
      <c r="B56" s="38" t="s">
        <v>61</v>
      </c>
      <c r="C56" s="28">
        <v>132</v>
      </c>
      <c r="D56" s="29">
        <v>142</v>
      </c>
      <c r="E56" s="29">
        <v>274</v>
      </c>
      <c r="F56" s="30">
        <v>124</v>
      </c>
      <c r="G56" s="31">
        <v>132</v>
      </c>
      <c r="H56" s="32">
        <v>141</v>
      </c>
      <c r="I56" s="32">
        <v>273</v>
      </c>
      <c r="J56" s="33">
        <v>124</v>
      </c>
      <c r="K56" s="34">
        <v>0</v>
      </c>
      <c r="L56" s="35">
        <v>-1</v>
      </c>
      <c r="M56" s="35">
        <v>-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3</v>
      </c>
      <c r="E57" s="29">
        <v>248</v>
      </c>
      <c r="F57" s="30">
        <v>110</v>
      </c>
      <c r="G57" s="31">
        <v>125</v>
      </c>
      <c r="H57" s="32">
        <v>123</v>
      </c>
      <c r="I57" s="32">
        <v>248</v>
      </c>
      <c r="J57" s="33">
        <v>110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79</v>
      </c>
      <c r="D58" s="29">
        <v>966</v>
      </c>
      <c r="E58" s="29">
        <v>1945</v>
      </c>
      <c r="F58" s="30">
        <v>1015</v>
      </c>
      <c r="G58" s="31">
        <v>977</v>
      </c>
      <c r="H58" s="32">
        <v>970</v>
      </c>
      <c r="I58" s="32">
        <v>1947</v>
      </c>
      <c r="J58" s="33">
        <v>1018</v>
      </c>
      <c r="K58" s="34">
        <v>-2</v>
      </c>
      <c r="L58" s="35">
        <v>4</v>
      </c>
      <c r="M58" s="35">
        <v>2</v>
      </c>
      <c r="N58" s="36">
        <v>3</v>
      </c>
    </row>
    <row r="59" spans="1:14" ht="23.1" customHeight="1" x14ac:dyDescent="0.2">
      <c r="A59" s="37">
        <v>104</v>
      </c>
      <c r="B59" s="38" t="s">
        <v>64</v>
      </c>
      <c r="C59" s="28">
        <v>5277</v>
      </c>
      <c r="D59" s="29">
        <v>5589</v>
      </c>
      <c r="E59" s="29">
        <v>10866</v>
      </c>
      <c r="F59" s="30">
        <v>4749</v>
      </c>
      <c r="G59" s="31">
        <v>5268</v>
      </c>
      <c r="H59" s="32">
        <v>5585</v>
      </c>
      <c r="I59" s="32">
        <v>10853</v>
      </c>
      <c r="J59" s="33">
        <v>4752</v>
      </c>
      <c r="K59" s="34">
        <v>-9</v>
      </c>
      <c r="L59" s="35">
        <v>-4</v>
      </c>
      <c r="M59" s="35">
        <v>-13</v>
      </c>
      <c r="N59" s="36">
        <v>3</v>
      </c>
    </row>
    <row r="60" spans="1:14" ht="23.1" customHeight="1" x14ac:dyDescent="0.2">
      <c r="A60" s="37">
        <v>105</v>
      </c>
      <c r="B60" s="38" t="s">
        <v>65</v>
      </c>
      <c r="C60" s="28">
        <v>3883</v>
      </c>
      <c r="D60" s="29">
        <v>3980</v>
      </c>
      <c r="E60" s="29">
        <v>7863</v>
      </c>
      <c r="F60" s="30">
        <v>3153</v>
      </c>
      <c r="G60" s="31">
        <v>3881</v>
      </c>
      <c r="H60" s="32">
        <v>3972</v>
      </c>
      <c r="I60" s="32">
        <v>7853</v>
      </c>
      <c r="J60" s="33">
        <v>3146</v>
      </c>
      <c r="K60" s="34">
        <v>-2</v>
      </c>
      <c r="L60" s="35">
        <v>-8</v>
      </c>
      <c r="M60" s="35">
        <v>-10</v>
      </c>
      <c r="N60" s="36">
        <v>-7</v>
      </c>
    </row>
    <row r="61" spans="1:14" ht="23.1" customHeight="1" x14ac:dyDescent="0.2">
      <c r="A61" s="37">
        <v>199</v>
      </c>
      <c r="B61" s="38" t="s">
        <v>66</v>
      </c>
      <c r="C61" s="28">
        <v>10396</v>
      </c>
      <c r="D61" s="29">
        <v>10800</v>
      </c>
      <c r="E61" s="29">
        <v>21196</v>
      </c>
      <c r="F61" s="30">
        <v>9151</v>
      </c>
      <c r="G61" s="31">
        <v>10383</v>
      </c>
      <c r="H61" s="32">
        <v>10791</v>
      </c>
      <c r="I61" s="32">
        <v>21174</v>
      </c>
      <c r="J61" s="33">
        <v>9150</v>
      </c>
      <c r="K61" s="34">
        <v>-13</v>
      </c>
      <c r="L61" s="35">
        <v>-9</v>
      </c>
      <c r="M61" s="35">
        <v>-22</v>
      </c>
      <c r="N61" s="36">
        <v>-1</v>
      </c>
    </row>
    <row r="62" spans="1:14" ht="23.1" customHeight="1" x14ac:dyDescent="0.2">
      <c r="A62" s="37">
        <v>201</v>
      </c>
      <c r="B62" s="38" t="s">
        <v>67</v>
      </c>
      <c r="C62" s="28">
        <v>1189</v>
      </c>
      <c r="D62" s="29">
        <v>1310</v>
      </c>
      <c r="E62" s="29">
        <v>2499</v>
      </c>
      <c r="F62" s="30">
        <v>1107</v>
      </c>
      <c r="G62" s="31">
        <v>1185</v>
      </c>
      <c r="H62" s="32">
        <v>1307</v>
      </c>
      <c r="I62" s="32">
        <v>2492</v>
      </c>
      <c r="J62" s="33">
        <v>1103</v>
      </c>
      <c r="K62" s="34">
        <v>-4</v>
      </c>
      <c r="L62" s="35">
        <v>-3</v>
      </c>
      <c r="M62" s="35">
        <v>-7</v>
      </c>
      <c r="N62" s="36">
        <v>-4</v>
      </c>
    </row>
    <row r="63" spans="1:14" ht="23.1" customHeight="1" x14ac:dyDescent="0.2">
      <c r="A63" s="37">
        <v>202</v>
      </c>
      <c r="B63" s="38" t="s">
        <v>68</v>
      </c>
      <c r="C63" s="28">
        <v>347</v>
      </c>
      <c r="D63" s="29">
        <v>429</v>
      </c>
      <c r="E63" s="29">
        <v>776</v>
      </c>
      <c r="F63" s="30">
        <v>363</v>
      </c>
      <c r="G63" s="31">
        <v>345</v>
      </c>
      <c r="H63" s="32">
        <v>431</v>
      </c>
      <c r="I63" s="32">
        <v>776</v>
      </c>
      <c r="J63" s="33">
        <v>363</v>
      </c>
      <c r="K63" s="34">
        <v>-2</v>
      </c>
      <c r="L63" s="35">
        <v>2</v>
      </c>
      <c r="M63" s="35">
        <v>0</v>
      </c>
      <c r="N63" s="36">
        <v>0</v>
      </c>
    </row>
    <row r="64" spans="1:14" ht="23.1" customHeight="1" x14ac:dyDescent="0.2">
      <c r="A64" s="37">
        <v>203</v>
      </c>
      <c r="B64" s="38" t="s">
        <v>69</v>
      </c>
      <c r="C64" s="28">
        <v>2329</v>
      </c>
      <c r="D64" s="29">
        <v>2421</v>
      </c>
      <c r="E64" s="29">
        <v>4750</v>
      </c>
      <c r="F64" s="30">
        <v>1871</v>
      </c>
      <c r="G64" s="31">
        <v>2324</v>
      </c>
      <c r="H64" s="32">
        <v>2421</v>
      </c>
      <c r="I64" s="32">
        <v>4745</v>
      </c>
      <c r="J64" s="33">
        <v>1871</v>
      </c>
      <c r="K64" s="34">
        <v>-5</v>
      </c>
      <c r="L64" s="35">
        <v>0</v>
      </c>
      <c r="M64" s="35">
        <v>-5</v>
      </c>
      <c r="N64" s="36">
        <v>0</v>
      </c>
    </row>
    <row r="65" spans="1:14" ht="23.1" customHeight="1" x14ac:dyDescent="0.2">
      <c r="A65" s="37">
        <v>204</v>
      </c>
      <c r="B65" s="38" t="s">
        <v>70</v>
      </c>
      <c r="C65" s="28">
        <v>385</v>
      </c>
      <c r="D65" s="29">
        <v>420</v>
      </c>
      <c r="E65" s="29">
        <v>805</v>
      </c>
      <c r="F65" s="30">
        <v>351</v>
      </c>
      <c r="G65" s="31">
        <v>383</v>
      </c>
      <c r="H65" s="32">
        <v>419</v>
      </c>
      <c r="I65" s="32">
        <v>802</v>
      </c>
      <c r="J65" s="33">
        <v>349</v>
      </c>
      <c r="K65" s="34">
        <v>-2</v>
      </c>
      <c r="L65" s="35">
        <v>-1</v>
      </c>
      <c r="M65" s="35">
        <v>-3</v>
      </c>
      <c r="N65" s="36">
        <v>-2</v>
      </c>
    </row>
    <row r="66" spans="1:14" ht="23.1" customHeight="1" x14ac:dyDescent="0.2">
      <c r="A66" s="37">
        <v>299</v>
      </c>
      <c r="B66" s="38" t="s">
        <v>71</v>
      </c>
      <c r="C66" s="28">
        <v>4250</v>
      </c>
      <c r="D66" s="29">
        <v>4580</v>
      </c>
      <c r="E66" s="29">
        <v>8830</v>
      </c>
      <c r="F66" s="30">
        <v>3692</v>
      </c>
      <c r="G66" s="31">
        <v>4237</v>
      </c>
      <c r="H66" s="32">
        <v>4578</v>
      </c>
      <c r="I66" s="32">
        <v>8815</v>
      </c>
      <c r="J66" s="33">
        <v>3686</v>
      </c>
      <c r="K66" s="34">
        <v>-13</v>
      </c>
      <c r="L66" s="35">
        <v>-2</v>
      </c>
      <c r="M66" s="35">
        <v>-15</v>
      </c>
      <c r="N66" s="36">
        <v>-6</v>
      </c>
    </row>
    <row r="67" spans="1:14" ht="23.1" customHeight="1" x14ac:dyDescent="0.2">
      <c r="A67" s="37">
        <v>301</v>
      </c>
      <c r="B67" s="38" t="s">
        <v>72</v>
      </c>
      <c r="C67" s="28">
        <v>917</v>
      </c>
      <c r="D67" s="29">
        <v>980</v>
      </c>
      <c r="E67" s="29">
        <v>1897</v>
      </c>
      <c r="F67" s="30">
        <v>831</v>
      </c>
      <c r="G67" s="31">
        <v>916</v>
      </c>
      <c r="H67" s="32">
        <v>972</v>
      </c>
      <c r="I67" s="32">
        <v>1888</v>
      </c>
      <c r="J67" s="33">
        <v>829</v>
      </c>
      <c r="K67" s="34">
        <v>-1</v>
      </c>
      <c r="L67" s="35">
        <v>-8</v>
      </c>
      <c r="M67" s="35">
        <v>-9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381</v>
      </c>
      <c r="D68" s="29">
        <v>3356</v>
      </c>
      <c r="E68" s="29">
        <v>6737</v>
      </c>
      <c r="F68" s="30">
        <v>2919</v>
      </c>
      <c r="G68" s="31">
        <v>3382</v>
      </c>
      <c r="H68" s="32">
        <v>3352</v>
      </c>
      <c r="I68" s="32">
        <v>6734</v>
      </c>
      <c r="J68" s="33">
        <v>2918</v>
      </c>
      <c r="K68" s="34">
        <v>1</v>
      </c>
      <c r="L68" s="35">
        <v>-4</v>
      </c>
      <c r="M68" s="35">
        <v>-3</v>
      </c>
      <c r="N68" s="36">
        <v>-1</v>
      </c>
    </row>
    <row r="69" spans="1:14" ht="23.1" customHeight="1" x14ac:dyDescent="0.2">
      <c r="A69" s="37">
        <v>303</v>
      </c>
      <c r="B69" s="38" t="s">
        <v>74</v>
      </c>
      <c r="C69" s="28">
        <v>3231</v>
      </c>
      <c r="D69" s="29">
        <v>3352</v>
      </c>
      <c r="E69" s="29">
        <v>6583</v>
      </c>
      <c r="F69" s="30">
        <v>2478</v>
      </c>
      <c r="G69" s="31">
        <v>3226</v>
      </c>
      <c r="H69" s="32">
        <v>3346</v>
      </c>
      <c r="I69" s="32">
        <v>6572</v>
      </c>
      <c r="J69" s="33">
        <v>2476</v>
      </c>
      <c r="K69" s="34">
        <v>-5</v>
      </c>
      <c r="L69" s="35">
        <v>-6</v>
      </c>
      <c r="M69" s="35">
        <v>-11</v>
      </c>
      <c r="N69" s="36">
        <v>-2</v>
      </c>
    </row>
    <row r="70" spans="1:14" ht="23.1" customHeight="1" x14ac:dyDescent="0.2">
      <c r="A70" s="37">
        <v>304</v>
      </c>
      <c r="B70" s="38" t="s">
        <v>75</v>
      </c>
      <c r="C70" s="28">
        <v>351</v>
      </c>
      <c r="D70" s="29">
        <v>390</v>
      </c>
      <c r="E70" s="29">
        <v>741</v>
      </c>
      <c r="F70" s="30">
        <v>313</v>
      </c>
      <c r="G70" s="31">
        <v>349</v>
      </c>
      <c r="H70" s="32">
        <v>389</v>
      </c>
      <c r="I70" s="32">
        <v>738</v>
      </c>
      <c r="J70" s="33">
        <v>313</v>
      </c>
      <c r="K70" s="34">
        <v>-2</v>
      </c>
      <c r="L70" s="35">
        <v>-1</v>
      </c>
      <c r="M70" s="35">
        <v>-3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9</v>
      </c>
      <c r="D71" s="29">
        <v>192</v>
      </c>
      <c r="E71" s="29">
        <v>371</v>
      </c>
      <c r="F71" s="30">
        <v>172</v>
      </c>
      <c r="G71" s="31">
        <v>178</v>
      </c>
      <c r="H71" s="32">
        <v>191</v>
      </c>
      <c r="I71" s="32">
        <v>369</v>
      </c>
      <c r="J71" s="33">
        <v>171</v>
      </c>
      <c r="K71" s="34">
        <v>-1</v>
      </c>
      <c r="L71" s="35">
        <v>-1</v>
      </c>
      <c r="M71" s="35">
        <v>-2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14</v>
      </c>
      <c r="D72" s="29">
        <v>589</v>
      </c>
      <c r="E72" s="29">
        <v>1103</v>
      </c>
      <c r="F72" s="30">
        <v>405</v>
      </c>
      <c r="G72" s="31">
        <v>513</v>
      </c>
      <c r="H72" s="32">
        <v>589</v>
      </c>
      <c r="I72" s="32">
        <v>1102</v>
      </c>
      <c r="J72" s="33">
        <v>406</v>
      </c>
      <c r="K72" s="34">
        <v>-1</v>
      </c>
      <c r="L72" s="35">
        <v>0</v>
      </c>
      <c r="M72" s="35">
        <v>-1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01</v>
      </c>
      <c r="D73" s="29">
        <v>300</v>
      </c>
      <c r="E73" s="29">
        <v>601</v>
      </c>
      <c r="F73" s="30">
        <v>294</v>
      </c>
      <c r="G73" s="31">
        <v>302</v>
      </c>
      <c r="H73" s="32">
        <v>298</v>
      </c>
      <c r="I73" s="32">
        <v>600</v>
      </c>
      <c r="J73" s="33">
        <v>295</v>
      </c>
      <c r="K73" s="34">
        <v>1</v>
      </c>
      <c r="L73" s="35">
        <v>-2</v>
      </c>
      <c r="M73" s="35">
        <v>-1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0</v>
      </c>
      <c r="H74" s="32">
        <v>71</v>
      </c>
      <c r="I74" s="32">
        <v>131</v>
      </c>
      <c r="J74" s="33">
        <v>64</v>
      </c>
      <c r="K74" s="34">
        <v>-2</v>
      </c>
      <c r="L74" s="35">
        <v>-1</v>
      </c>
      <c r="M74" s="35">
        <v>-3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65</v>
      </c>
      <c r="D76" s="29">
        <v>9248</v>
      </c>
      <c r="E76" s="29">
        <v>18213</v>
      </c>
      <c r="F76" s="30">
        <v>7510</v>
      </c>
      <c r="G76" s="31">
        <v>8955</v>
      </c>
      <c r="H76" s="32">
        <v>9225</v>
      </c>
      <c r="I76" s="32">
        <v>18180</v>
      </c>
      <c r="J76" s="33">
        <v>7505</v>
      </c>
      <c r="K76" s="34">
        <v>-10</v>
      </c>
      <c r="L76" s="35">
        <v>-23</v>
      </c>
      <c r="M76" s="35">
        <v>-33</v>
      </c>
      <c r="N76" s="36">
        <v>-5</v>
      </c>
    </row>
    <row r="77" spans="1:14" ht="23.1" customHeight="1" x14ac:dyDescent="0.2">
      <c r="A77" s="37">
        <v>401</v>
      </c>
      <c r="B77" s="38" t="s">
        <v>82</v>
      </c>
      <c r="C77" s="28">
        <v>5904</v>
      </c>
      <c r="D77" s="29">
        <v>6027</v>
      </c>
      <c r="E77" s="29">
        <v>11931</v>
      </c>
      <c r="F77" s="30">
        <v>4919</v>
      </c>
      <c r="G77" s="31">
        <v>5889</v>
      </c>
      <c r="H77" s="32">
        <v>6031</v>
      </c>
      <c r="I77" s="32">
        <v>11920</v>
      </c>
      <c r="J77" s="33">
        <v>4916</v>
      </c>
      <c r="K77" s="34">
        <v>-15</v>
      </c>
      <c r="L77" s="35">
        <v>4</v>
      </c>
      <c r="M77" s="35">
        <v>-11</v>
      </c>
      <c r="N77" s="36">
        <v>-3</v>
      </c>
    </row>
    <row r="78" spans="1:14" ht="23.1" customHeight="1" x14ac:dyDescent="0.2">
      <c r="A78" s="37">
        <v>402</v>
      </c>
      <c r="B78" s="38" t="s">
        <v>83</v>
      </c>
      <c r="C78" s="28">
        <v>5800</v>
      </c>
      <c r="D78" s="29">
        <v>6002</v>
      </c>
      <c r="E78" s="29">
        <v>11802</v>
      </c>
      <c r="F78" s="30">
        <v>4826</v>
      </c>
      <c r="G78" s="31">
        <v>5790</v>
      </c>
      <c r="H78" s="32">
        <v>5982</v>
      </c>
      <c r="I78" s="32">
        <v>11772</v>
      </c>
      <c r="J78" s="33">
        <v>4823</v>
      </c>
      <c r="K78" s="34">
        <v>-10</v>
      </c>
      <c r="L78" s="35">
        <v>-20</v>
      </c>
      <c r="M78" s="35">
        <v>-30</v>
      </c>
      <c r="N78" s="36">
        <v>-3</v>
      </c>
    </row>
    <row r="79" spans="1:14" ht="23.1" customHeight="1" x14ac:dyDescent="0.2">
      <c r="A79" s="37">
        <v>403</v>
      </c>
      <c r="B79" s="38" t="s">
        <v>84</v>
      </c>
      <c r="C79" s="28">
        <v>675</v>
      </c>
      <c r="D79" s="29">
        <v>732</v>
      </c>
      <c r="E79" s="29">
        <v>1407</v>
      </c>
      <c r="F79" s="30">
        <v>515</v>
      </c>
      <c r="G79" s="31">
        <v>671</v>
      </c>
      <c r="H79" s="32">
        <v>728</v>
      </c>
      <c r="I79" s="32">
        <v>1399</v>
      </c>
      <c r="J79" s="33">
        <v>515</v>
      </c>
      <c r="K79" s="34">
        <v>-4</v>
      </c>
      <c r="L79" s="35">
        <v>-4</v>
      </c>
      <c r="M79" s="35">
        <v>-8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67</v>
      </c>
      <c r="D80" s="29">
        <v>1127</v>
      </c>
      <c r="E80" s="29">
        <v>2194</v>
      </c>
      <c r="F80" s="30">
        <v>799</v>
      </c>
      <c r="G80" s="31">
        <v>1066</v>
      </c>
      <c r="H80" s="32">
        <v>1128</v>
      </c>
      <c r="I80" s="32">
        <v>2194</v>
      </c>
      <c r="J80" s="33">
        <v>798</v>
      </c>
      <c r="K80" s="34">
        <v>-1</v>
      </c>
      <c r="L80" s="35">
        <v>1</v>
      </c>
      <c r="M80" s="35">
        <v>0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85</v>
      </c>
      <c r="D81" s="29">
        <v>1848</v>
      </c>
      <c r="E81" s="29">
        <v>3633</v>
      </c>
      <c r="F81" s="30">
        <v>1447</v>
      </c>
      <c r="G81" s="31">
        <v>1793</v>
      </c>
      <c r="H81" s="32">
        <v>1846</v>
      </c>
      <c r="I81" s="32">
        <v>3639</v>
      </c>
      <c r="J81" s="33">
        <v>1449</v>
      </c>
      <c r="K81" s="34">
        <v>8</v>
      </c>
      <c r="L81" s="35">
        <v>-2</v>
      </c>
      <c r="M81" s="35">
        <v>6</v>
      </c>
      <c r="N81" s="36">
        <v>2</v>
      </c>
    </row>
    <row r="82" spans="1:14" ht="23.1" customHeight="1" x14ac:dyDescent="0.2">
      <c r="A82" s="37">
        <v>406</v>
      </c>
      <c r="B82" s="38" t="s">
        <v>87</v>
      </c>
      <c r="C82" s="28">
        <v>1810</v>
      </c>
      <c r="D82" s="29">
        <v>1901</v>
      </c>
      <c r="E82" s="29">
        <v>3711</v>
      </c>
      <c r="F82" s="30">
        <v>1522</v>
      </c>
      <c r="G82" s="31">
        <v>1805</v>
      </c>
      <c r="H82" s="32">
        <v>1904</v>
      </c>
      <c r="I82" s="32">
        <v>3709</v>
      </c>
      <c r="J82" s="33">
        <v>1524</v>
      </c>
      <c r="K82" s="34">
        <v>-5</v>
      </c>
      <c r="L82" s="35">
        <v>3</v>
      </c>
      <c r="M82" s="35">
        <v>-2</v>
      </c>
      <c r="N82" s="36">
        <v>2</v>
      </c>
    </row>
    <row r="83" spans="1:14" ht="23.1" customHeight="1" x14ac:dyDescent="0.2">
      <c r="A83" s="37">
        <v>407</v>
      </c>
      <c r="B83" s="38" t="s">
        <v>88</v>
      </c>
      <c r="C83" s="28">
        <v>619</v>
      </c>
      <c r="D83" s="29">
        <v>634</v>
      </c>
      <c r="E83" s="29">
        <v>1253</v>
      </c>
      <c r="F83" s="30">
        <v>480</v>
      </c>
      <c r="G83" s="31">
        <v>618</v>
      </c>
      <c r="H83" s="32">
        <v>635</v>
      </c>
      <c r="I83" s="32">
        <v>1253</v>
      </c>
      <c r="J83" s="33">
        <v>481</v>
      </c>
      <c r="K83" s="34">
        <v>-1</v>
      </c>
      <c r="L83" s="35">
        <v>1</v>
      </c>
      <c r="M83" s="35">
        <v>0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373</v>
      </c>
      <c r="D84" s="29">
        <v>2535</v>
      </c>
      <c r="E84" s="29">
        <v>4908</v>
      </c>
      <c r="F84" s="30">
        <v>1814</v>
      </c>
      <c r="G84" s="31">
        <v>2373</v>
      </c>
      <c r="H84" s="32">
        <v>2538</v>
      </c>
      <c r="I84" s="32">
        <v>4911</v>
      </c>
      <c r="J84" s="33">
        <v>1819</v>
      </c>
      <c r="K84" s="34">
        <v>0</v>
      </c>
      <c r="L84" s="35">
        <v>3</v>
      </c>
      <c r="M84" s="35">
        <v>3</v>
      </c>
      <c r="N84" s="36">
        <v>5</v>
      </c>
    </row>
    <row r="85" spans="1:14" ht="23.1" customHeight="1" x14ac:dyDescent="0.2">
      <c r="A85" s="37">
        <v>499</v>
      </c>
      <c r="B85" s="38" t="s">
        <v>90</v>
      </c>
      <c r="C85" s="28">
        <v>20033</v>
      </c>
      <c r="D85" s="29">
        <v>20806</v>
      </c>
      <c r="E85" s="29">
        <v>40839</v>
      </c>
      <c r="F85" s="30">
        <v>16322</v>
      </c>
      <c r="G85" s="31">
        <v>20005</v>
      </c>
      <c r="H85" s="32">
        <v>20792</v>
      </c>
      <c r="I85" s="32">
        <v>40797</v>
      </c>
      <c r="J85" s="33">
        <v>16325</v>
      </c>
      <c r="K85" s="34">
        <v>-28</v>
      </c>
      <c r="L85" s="35">
        <v>-14</v>
      </c>
      <c r="M85" s="35">
        <v>-42</v>
      </c>
      <c r="N85" s="36">
        <v>3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5</v>
      </c>
      <c r="D87" s="29">
        <v>433</v>
      </c>
      <c r="E87" s="29">
        <v>828</v>
      </c>
      <c r="F87" s="30">
        <v>313</v>
      </c>
      <c r="G87" s="31">
        <v>395</v>
      </c>
      <c r="H87" s="32">
        <v>432</v>
      </c>
      <c r="I87" s="32">
        <v>827</v>
      </c>
      <c r="J87" s="33">
        <v>313</v>
      </c>
      <c r="K87" s="34">
        <v>0</v>
      </c>
      <c r="L87" s="35">
        <v>-1</v>
      </c>
      <c r="M87" s="35">
        <v>-1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1</v>
      </c>
      <c r="H88" s="32">
        <v>78</v>
      </c>
      <c r="I88" s="32">
        <v>159</v>
      </c>
      <c r="J88" s="33">
        <v>61</v>
      </c>
      <c r="K88" s="34">
        <v>-1</v>
      </c>
      <c r="L88" s="35">
        <v>0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35</v>
      </c>
      <c r="D89" s="29">
        <v>128</v>
      </c>
      <c r="E89" s="29">
        <v>263</v>
      </c>
      <c r="F89" s="30">
        <v>124</v>
      </c>
      <c r="G89" s="31">
        <v>134</v>
      </c>
      <c r="H89" s="32">
        <v>126</v>
      </c>
      <c r="I89" s="32">
        <v>260</v>
      </c>
      <c r="J89" s="33">
        <v>122</v>
      </c>
      <c r="K89" s="34">
        <v>-1</v>
      </c>
      <c r="L89" s="35">
        <v>-2</v>
      </c>
      <c r="M89" s="35">
        <v>-3</v>
      </c>
      <c r="N89" s="36">
        <v>-2</v>
      </c>
    </row>
    <row r="90" spans="1:14" ht="23.1" customHeight="1" x14ac:dyDescent="0.2">
      <c r="A90" s="37">
        <v>599</v>
      </c>
      <c r="B90" s="38" t="s">
        <v>95</v>
      </c>
      <c r="C90" s="28">
        <v>615</v>
      </c>
      <c r="D90" s="29">
        <v>646</v>
      </c>
      <c r="E90" s="29">
        <v>1261</v>
      </c>
      <c r="F90" s="30">
        <v>503</v>
      </c>
      <c r="G90" s="31">
        <v>613</v>
      </c>
      <c r="H90" s="32">
        <v>643</v>
      </c>
      <c r="I90" s="32">
        <v>1256</v>
      </c>
      <c r="J90" s="33">
        <v>500</v>
      </c>
      <c r="K90" s="34">
        <v>-2</v>
      </c>
      <c r="L90" s="35">
        <v>-3</v>
      </c>
      <c r="M90" s="35">
        <v>-5</v>
      </c>
      <c r="N90" s="36">
        <v>-3</v>
      </c>
    </row>
    <row r="91" spans="1:14" ht="23.1" customHeight="1" x14ac:dyDescent="0.2">
      <c r="A91" s="37">
        <v>601</v>
      </c>
      <c r="B91" s="38" t="s">
        <v>96</v>
      </c>
      <c r="C91" s="28">
        <v>434</v>
      </c>
      <c r="D91" s="29">
        <v>462</v>
      </c>
      <c r="E91" s="29">
        <v>896</v>
      </c>
      <c r="F91" s="30">
        <v>383</v>
      </c>
      <c r="G91" s="31">
        <v>434</v>
      </c>
      <c r="H91" s="32">
        <v>462</v>
      </c>
      <c r="I91" s="32">
        <v>896</v>
      </c>
      <c r="J91" s="33">
        <v>383</v>
      </c>
      <c r="K91" s="34">
        <v>0</v>
      </c>
      <c r="L91" s="35">
        <v>0</v>
      </c>
      <c r="M91" s="35">
        <v>0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09</v>
      </c>
      <c r="D92" s="29">
        <v>130</v>
      </c>
      <c r="E92" s="29">
        <v>239</v>
      </c>
      <c r="F92" s="30">
        <v>110</v>
      </c>
      <c r="G92" s="31">
        <v>109</v>
      </c>
      <c r="H92" s="32">
        <v>129</v>
      </c>
      <c r="I92" s="32">
        <v>238</v>
      </c>
      <c r="J92" s="33">
        <v>109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3</v>
      </c>
      <c r="D93" s="42">
        <v>592</v>
      </c>
      <c r="E93" s="42">
        <v>1135</v>
      </c>
      <c r="F93" s="43">
        <v>493</v>
      </c>
      <c r="G93" s="44">
        <v>543</v>
      </c>
      <c r="H93" s="45">
        <v>591</v>
      </c>
      <c r="I93" s="45">
        <v>1134</v>
      </c>
      <c r="J93" s="46">
        <v>492</v>
      </c>
      <c r="K93" s="47">
        <v>0</v>
      </c>
      <c r="L93" s="48">
        <v>-1</v>
      </c>
      <c r="M93" s="48">
        <v>-1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198489</v>
      </c>
      <c r="D94" s="53">
        <v>208326</v>
      </c>
      <c r="E94" s="53">
        <v>406815</v>
      </c>
      <c r="F94" s="54">
        <v>185390</v>
      </c>
      <c r="G94" s="55">
        <v>198368</v>
      </c>
      <c r="H94" s="56">
        <v>208115</v>
      </c>
      <c r="I94" s="56">
        <v>406483</v>
      </c>
      <c r="J94" s="57">
        <v>185298</v>
      </c>
      <c r="K94" s="58">
        <v>-121</v>
      </c>
      <c r="L94" s="59">
        <v>-211</v>
      </c>
      <c r="M94" s="59">
        <v>-332</v>
      </c>
      <c r="N94" s="60">
        <v>-92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1-05T00:07:32Z</dcterms:created>
  <dcterms:modified xsi:type="dcterms:W3CDTF">2024-01-05T00:07:32Z</dcterms:modified>
</cp:coreProperties>
</file>